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0-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0-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oche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13C571F9-69A7-C2F3-84D8-D1EE4D1A706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0155" y="4754158"/>
            <a:ext cx="2735945" cy="190969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4EFAE37B-79E6-F450-8893-F1A8433F449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0697" y="3847786"/>
            <a:ext cx="2094855"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20T13:47:20Z</dcterms:modified>
</cp:coreProperties>
</file>